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4000" windowHeight="9750"/>
  </bookViews>
  <sheets>
    <sheet name="18-3" sheetId="2" r:id="rId1"/>
  </sheets>
  <calcPr calcId="124519"/>
</workbook>
</file>

<file path=xl/sharedStrings.xml><?xml version="1.0" encoding="utf-8"?>
<sst xmlns="http://schemas.openxmlformats.org/spreadsheetml/2006/main" count="31" uniqueCount="28">
  <si>
    <t>18-3 　住宅の種類・構造、建築の時期別住宅数</t>
    <rPh sb="6" eb="8">
      <t>ジュウタク</t>
    </rPh>
    <rPh sb="9" eb="11">
      <t>シュルイ</t>
    </rPh>
    <rPh sb="12" eb="14">
      <t>コウゾウ</t>
    </rPh>
    <rPh sb="15" eb="17">
      <t>ケンチク</t>
    </rPh>
    <rPh sb="18" eb="20">
      <t>ジキ</t>
    </rPh>
    <rPh sb="20" eb="21">
      <t>ベツ</t>
    </rPh>
    <rPh sb="21" eb="23">
      <t>ジュウタク</t>
    </rPh>
    <rPh sb="23" eb="24">
      <t>スウ</t>
    </rPh>
    <phoneticPr fontId="2"/>
  </si>
  <si>
    <t>防火木造</t>
    <rPh sb="0" eb="2">
      <t>ボウカ</t>
    </rPh>
    <rPh sb="2" eb="4">
      <t>モクゾウ</t>
    </rPh>
    <phoneticPr fontId="2"/>
  </si>
  <si>
    <t>専用住宅</t>
    <rPh sb="0" eb="2">
      <t>センヨウ</t>
    </rPh>
    <rPh sb="2" eb="4">
      <t>ジュウタク</t>
    </rPh>
    <phoneticPr fontId="2"/>
  </si>
  <si>
    <t>総数</t>
    <rPh sb="0" eb="2">
      <t>ソウスウ</t>
    </rPh>
    <phoneticPr fontId="2"/>
  </si>
  <si>
    <t>※統計表の数値は、表章単位未満の位で四捨五入しているため、総数と内訳の合計は必ずしも一致しません。</t>
    <rPh sb="1" eb="3">
      <t>トウケイ</t>
    </rPh>
    <rPh sb="3" eb="4">
      <t>ヒョウ</t>
    </rPh>
    <rPh sb="5" eb="7">
      <t>スウチ</t>
    </rPh>
    <rPh sb="9" eb="10">
      <t>オモテ</t>
    </rPh>
    <rPh sb="10" eb="11">
      <t>ショウ</t>
    </rPh>
    <rPh sb="11" eb="13">
      <t>タンイ</t>
    </rPh>
    <rPh sb="13" eb="15">
      <t>ミマン</t>
    </rPh>
    <rPh sb="16" eb="17">
      <t>クライ</t>
    </rPh>
    <rPh sb="18" eb="22">
      <t>シシャゴニュウ</t>
    </rPh>
    <rPh sb="29" eb="31">
      <t>ソウスウ</t>
    </rPh>
    <rPh sb="32" eb="34">
      <t>ウチワケ</t>
    </rPh>
    <rPh sb="35" eb="37">
      <t>ゴウケイ</t>
    </rPh>
    <rPh sb="38" eb="39">
      <t>カナラ</t>
    </rPh>
    <rPh sb="42" eb="44">
      <t>イッチ</t>
    </rPh>
    <phoneticPr fontId="2"/>
  </si>
  <si>
    <t>※また、本調査は標本調査であるため、統計表の数値は標本誤差を含んでいます。</t>
    <rPh sb="4" eb="7">
      <t>ホンチョウサ</t>
    </rPh>
    <rPh sb="8" eb="10">
      <t>ヒョウホン</t>
    </rPh>
    <rPh sb="10" eb="12">
      <t>チョウサ</t>
    </rPh>
    <rPh sb="18" eb="21">
      <t>トウケイヒョウ</t>
    </rPh>
    <rPh sb="22" eb="24">
      <t>スウチ</t>
    </rPh>
    <rPh sb="25" eb="27">
      <t>ヒョウホン</t>
    </rPh>
    <rPh sb="27" eb="29">
      <t>ゴサ</t>
    </rPh>
    <rPh sb="30" eb="31">
      <t>フク</t>
    </rPh>
    <phoneticPr fontId="2"/>
  </si>
  <si>
    <t>資料：住宅・土地統計調査</t>
    <rPh sb="0" eb="2">
      <t>シリョウ</t>
    </rPh>
    <rPh sb="3" eb="5">
      <t>ジュウタク</t>
    </rPh>
    <rPh sb="6" eb="8">
      <t>トチ</t>
    </rPh>
    <rPh sb="8" eb="10">
      <t>トウケイ</t>
    </rPh>
    <rPh sb="10" eb="12">
      <t>チョウサ</t>
    </rPh>
    <phoneticPr fontId="2"/>
  </si>
  <si>
    <t>※なお、左欄の総数には建築の時期の「不詳」が含まれています。</t>
    <rPh sb="4" eb="5">
      <t>ヒダリ</t>
    </rPh>
    <rPh sb="5" eb="6">
      <t>ラン</t>
    </rPh>
    <rPh sb="7" eb="9">
      <t>ソウスウ</t>
    </rPh>
    <rPh sb="11" eb="13">
      <t>ケンチク</t>
    </rPh>
    <rPh sb="14" eb="16">
      <t>ジキ</t>
    </rPh>
    <rPh sb="18" eb="20">
      <t>フショウ</t>
    </rPh>
    <rPh sb="22" eb="23">
      <t>フク</t>
    </rPh>
    <phoneticPr fontId="2"/>
  </si>
  <si>
    <t>　（1位を四捨五入して10位まで有効数字として表章）</t>
    <rPh sb="3" eb="4">
      <t>イ</t>
    </rPh>
    <rPh sb="5" eb="9">
      <t>シシャゴニュウ</t>
    </rPh>
    <rPh sb="13" eb="14">
      <t>イ</t>
    </rPh>
    <rPh sb="16" eb="18">
      <t>ユウコウ</t>
    </rPh>
    <rPh sb="18" eb="20">
      <t>スウジ</t>
    </rPh>
    <rPh sb="23" eb="24">
      <t>ヒョウ</t>
    </rPh>
    <rPh sb="24" eb="25">
      <t>ショウ</t>
    </rPh>
    <phoneticPr fontId="2"/>
  </si>
  <si>
    <t>住宅の種類</t>
    <rPh sb="0" eb="2">
      <t>ジュウタク</t>
    </rPh>
    <rPh sb="3" eb="5">
      <t>シュルイ</t>
    </rPh>
    <phoneticPr fontId="2"/>
  </si>
  <si>
    <t>店舗・その他の併用住宅</t>
    <rPh sb="0" eb="2">
      <t>テンポ</t>
    </rPh>
    <rPh sb="5" eb="6">
      <t>タ</t>
    </rPh>
    <rPh sb="7" eb="9">
      <t>ヘイヨウ</t>
    </rPh>
    <rPh sb="9" eb="11">
      <t>ジュウタク</t>
    </rPh>
    <phoneticPr fontId="2"/>
  </si>
  <si>
    <t>構造</t>
    <rPh sb="0" eb="2">
      <t>コウゾウ</t>
    </rPh>
    <phoneticPr fontId="2"/>
  </si>
  <si>
    <t>鉄骨造</t>
    <rPh sb="0" eb="2">
      <t>テッコツ</t>
    </rPh>
    <rPh sb="2" eb="3">
      <t>ゾウ</t>
    </rPh>
    <phoneticPr fontId="2"/>
  </si>
  <si>
    <t>その他</t>
    <rPh sb="2" eb="3">
      <t>タ</t>
    </rPh>
    <phoneticPr fontId="2"/>
  </si>
  <si>
    <t>1970年以前</t>
    <rPh sb="4" eb="5">
      <t>ネン</t>
    </rPh>
    <rPh sb="5" eb="6">
      <t>イ</t>
    </rPh>
    <rPh sb="6" eb="7">
      <t>マエ</t>
    </rPh>
    <phoneticPr fontId="4"/>
  </si>
  <si>
    <t>1971～1980年</t>
    <rPh sb="9" eb="10">
      <t>ネン</t>
    </rPh>
    <phoneticPr fontId="2"/>
  </si>
  <si>
    <t>1981～1990年</t>
    <rPh sb="9" eb="10">
      <t>ネン</t>
    </rPh>
    <phoneticPr fontId="2"/>
  </si>
  <si>
    <t>1991～1995年</t>
    <rPh sb="9" eb="10">
      <t>ネン</t>
    </rPh>
    <phoneticPr fontId="4"/>
  </si>
  <si>
    <t>1996～2000年</t>
    <rPh sb="9" eb="10">
      <t>ネン</t>
    </rPh>
    <phoneticPr fontId="4"/>
  </si>
  <si>
    <t>2001～2005年</t>
    <rPh sb="9" eb="10">
      <t>ネン</t>
    </rPh>
    <phoneticPr fontId="4"/>
  </si>
  <si>
    <t>2006～2010年</t>
    <rPh sb="9" eb="10">
      <t>ネン</t>
    </rPh>
    <phoneticPr fontId="2"/>
  </si>
  <si>
    <t>2011～2015年</t>
    <rPh sb="9" eb="10">
      <t>ネン</t>
    </rPh>
    <phoneticPr fontId="2"/>
  </si>
  <si>
    <t>2016～2018年9月</t>
    <rPh sb="9" eb="10">
      <t>ネン</t>
    </rPh>
    <rPh sb="11" eb="12">
      <t>ガツ</t>
    </rPh>
    <phoneticPr fontId="1"/>
  </si>
  <si>
    <t>-</t>
    <phoneticPr fontId="2"/>
  </si>
  <si>
    <t>平成30年10月1日現在（単位：戸）</t>
    <phoneticPr fontId="2"/>
  </si>
  <si>
    <t>総数</t>
    <rPh sb="0" eb="1">
      <t>ソウ</t>
    </rPh>
    <rPh sb="1" eb="2">
      <t>スウ</t>
    </rPh>
    <phoneticPr fontId="2"/>
  </si>
  <si>
    <r>
      <rPr>
        <sz val="11"/>
        <rFont val="ＭＳ Ｐ明朝"/>
        <family val="1"/>
        <charset val="128"/>
      </rPr>
      <t>木造</t>
    </r>
    <r>
      <rPr>
        <sz val="9"/>
        <rFont val="ＭＳ Ｐ明朝"/>
        <family val="1"/>
        <charset val="128"/>
      </rPr>
      <t xml:space="preserve">
</t>
    </r>
    <r>
      <rPr>
        <sz val="8"/>
        <rFont val="ＭＳ Ｐ明朝"/>
        <family val="1"/>
        <charset val="128"/>
      </rPr>
      <t>（防火木造を除く）</t>
    </r>
    <rPh sb="0" eb="2">
      <t>モクゾウ</t>
    </rPh>
    <rPh sb="4" eb="6">
      <t>ボウカ</t>
    </rPh>
    <rPh sb="6" eb="8">
      <t>モクゾウ</t>
    </rPh>
    <rPh sb="9" eb="10">
      <t>ノゾ</t>
    </rPh>
    <phoneticPr fontId="2"/>
  </si>
  <si>
    <t>鉄筋・鉄骨
コンクリート造</t>
    <rPh sb="12" eb="13">
      <t>ゾ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9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11"/>
      <color indexed="20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2"/>
      <name val="ＭＳ Ｐ明朝"/>
      <family val="1"/>
      <charset val="128"/>
    </font>
    <font>
      <sz val="9"/>
      <name val="ＭＳ Ｐ明朝"/>
      <family val="1"/>
      <charset val="128"/>
    </font>
    <font>
      <sz val="8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31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quotePrefix="1" applyFont="1" applyAlignment="1">
      <alignment horizontal="right" vertical="center"/>
    </xf>
    <xf numFmtId="0" fontId="6" fillId="0" borderId="0" xfId="0" applyFont="1">
      <alignment vertical="center"/>
    </xf>
    <xf numFmtId="0" fontId="3" fillId="0" borderId="3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5" fillId="0" borderId="9" xfId="0" applyFont="1" applyBorder="1" applyAlignment="1">
      <alignment horizontal="center" vertical="center" wrapText="1"/>
    </xf>
    <xf numFmtId="0" fontId="3" fillId="0" borderId="13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11" xfId="0" applyFont="1" applyBorder="1" applyAlignment="1">
      <alignment horizontal="distributed" vertical="distributed" indent="1"/>
    </xf>
    <xf numFmtId="0" fontId="3" fillId="0" borderId="11" xfId="0" applyFont="1" applyBorder="1" applyAlignment="1">
      <alignment horizontal="distributed" vertical="center" indent="1"/>
    </xf>
    <xf numFmtId="0" fontId="3" fillId="0" borderId="12" xfId="0" applyFont="1" applyBorder="1" applyAlignment="1">
      <alignment horizontal="distributed" vertical="center" indent="1"/>
    </xf>
    <xf numFmtId="0" fontId="7" fillId="0" borderId="3" xfId="0" applyFont="1" applyBorder="1" applyAlignment="1">
      <alignment horizontal="center" vertical="center" wrapText="1"/>
    </xf>
    <xf numFmtId="38" fontId="3" fillId="0" borderId="1" xfId="1" applyFont="1" applyBorder="1">
      <alignment vertical="center"/>
    </xf>
    <xf numFmtId="38" fontId="3" fillId="0" borderId="3" xfId="1" applyFont="1" applyBorder="1">
      <alignment vertical="center"/>
    </xf>
    <xf numFmtId="38" fontId="3" fillId="0" borderId="5" xfId="1" applyFont="1" applyBorder="1">
      <alignment vertical="center"/>
    </xf>
    <xf numFmtId="38" fontId="3" fillId="0" borderId="9" xfId="1" applyFont="1" applyBorder="1">
      <alignment vertical="center"/>
    </xf>
    <xf numFmtId="38" fontId="3" fillId="0" borderId="7" xfId="1" applyFont="1" applyBorder="1">
      <alignment vertical="center"/>
    </xf>
    <xf numFmtId="38" fontId="3" fillId="0" borderId="9" xfId="1" applyFont="1" applyBorder="1" applyAlignment="1">
      <alignment horizontal="right" vertical="center"/>
    </xf>
    <xf numFmtId="38" fontId="3" fillId="0" borderId="7" xfId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38" fontId="3" fillId="0" borderId="2" xfId="1" applyFont="1" applyBorder="1">
      <alignment vertical="center"/>
    </xf>
    <xf numFmtId="38" fontId="3" fillId="0" borderId="4" xfId="1" applyFont="1" applyBorder="1">
      <alignment vertical="center"/>
    </xf>
    <xf numFmtId="38" fontId="3" fillId="0" borderId="6" xfId="1" applyFont="1" applyBorder="1" applyAlignment="1">
      <alignment horizontal="right" vertical="center"/>
    </xf>
    <xf numFmtId="38" fontId="3" fillId="0" borderId="10" xfId="1" applyFont="1" applyBorder="1">
      <alignment vertical="center"/>
    </xf>
    <xf numFmtId="38" fontId="3" fillId="0" borderId="8" xfId="1" applyFont="1" applyBorder="1" applyAlignment="1">
      <alignment horizontal="righ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8"/>
  <sheetViews>
    <sheetView tabSelected="1" zoomScaleNormal="100" workbookViewId="0"/>
  </sheetViews>
  <sheetFormatPr defaultRowHeight="20.100000000000001" customHeight="1"/>
  <cols>
    <col min="1" max="1" width="23.5" style="1" customWidth="1"/>
    <col min="2" max="2" width="9" style="1"/>
    <col min="3" max="9" width="12.625" style="1" customWidth="1"/>
    <col min="10" max="16384" width="9" style="1"/>
  </cols>
  <sheetData>
    <row r="1" spans="1:9" ht="29.25" customHeight="1" thickBot="1">
      <c r="A1" s="3" t="s">
        <v>0</v>
      </c>
      <c r="I1" s="2" t="s">
        <v>24</v>
      </c>
    </row>
    <row r="2" spans="1:9" ht="20.100000000000001" customHeight="1">
      <c r="A2" s="12"/>
      <c r="B2" s="9" t="s">
        <v>3</v>
      </c>
      <c r="C2" s="9" t="s">
        <v>9</v>
      </c>
      <c r="D2" s="9"/>
      <c r="E2" s="9" t="s">
        <v>11</v>
      </c>
      <c r="F2" s="9"/>
      <c r="G2" s="9"/>
      <c r="H2" s="9"/>
      <c r="I2" s="11"/>
    </row>
    <row r="3" spans="1:9" ht="33.75" customHeight="1">
      <c r="A3" s="13"/>
      <c r="B3" s="10"/>
      <c r="C3" s="4" t="s">
        <v>2</v>
      </c>
      <c r="D3" s="5" t="s">
        <v>10</v>
      </c>
      <c r="E3" s="17" t="s">
        <v>26</v>
      </c>
      <c r="F3" s="7" t="s">
        <v>1</v>
      </c>
      <c r="G3" s="8" t="s">
        <v>27</v>
      </c>
      <c r="H3" s="7" t="s">
        <v>12</v>
      </c>
      <c r="I3" s="6" t="s">
        <v>13</v>
      </c>
    </row>
    <row r="4" spans="1:9" ht="21.95" customHeight="1">
      <c r="A4" s="14" t="s">
        <v>25</v>
      </c>
      <c r="B4" s="18">
        <v>39520</v>
      </c>
      <c r="C4" s="19">
        <v>38560</v>
      </c>
      <c r="D4" s="20">
        <v>950</v>
      </c>
      <c r="E4" s="19">
        <v>11210</v>
      </c>
      <c r="F4" s="21">
        <v>19120</v>
      </c>
      <c r="G4" s="21">
        <v>5830</v>
      </c>
      <c r="H4" s="21">
        <v>3100</v>
      </c>
      <c r="I4" s="22">
        <v>260</v>
      </c>
    </row>
    <row r="5" spans="1:9" ht="21.95" customHeight="1">
      <c r="A5" s="15" t="s">
        <v>14</v>
      </c>
      <c r="B5" s="18">
        <v>4600</v>
      </c>
      <c r="C5" s="19">
        <v>4470</v>
      </c>
      <c r="D5" s="20">
        <v>140</v>
      </c>
      <c r="E5" s="19">
        <v>3190</v>
      </c>
      <c r="F5" s="21">
        <v>1250</v>
      </c>
      <c r="G5" s="21">
        <v>90</v>
      </c>
      <c r="H5" s="23">
        <v>30</v>
      </c>
      <c r="I5" s="24">
        <v>50</v>
      </c>
    </row>
    <row r="6" spans="1:9" ht="21.95" customHeight="1">
      <c r="A6" s="15" t="s">
        <v>15</v>
      </c>
      <c r="B6" s="18">
        <v>5350</v>
      </c>
      <c r="C6" s="19">
        <v>5150</v>
      </c>
      <c r="D6" s="20">
        <v>200</v>
      </c>
      <c r="E6" s="19">
        <v>2200</v>
      </c>
      <c r="F6" s="21">
        <v>2610</v>
      </c>
      <c r="G6" s="21">
        <v>270</v>
      </c>
      <c r="H6" s="23">
        <v>200</v>
      </c>
      <c r="I6" s="24">
        <v>70</v>
      </c>
    </row>
    <row r="7" spans="1:9" ht="21.95" customHeight="1">
      <c r="A7" s="15" t="s">
        <v>16</v>
      </c>
      <c r="B7" s="18">
        <v>5950</v>
      </c>
      <c r="C7" s="19">
        <v>5690</v>
      </c>
      <c r="D7" s="20">
        <v>270</v>
      </c>
      <c r="E7" s="19">
        <v>1490</v>
      </c>
      <c r="F7" s="21">
        <v>3180</v>
      </c>
      <c r="G7" s="21">
        <v>860</v>
      </c>
      <c r="H7" s="21">
        <v>310</v>
      </c>
      <c r="I7" s="24">
        <v>110</v>
      </c>
    </row>
    <row r="8" spans="1:9" ht="21.95" customHeight="1">
      <c r="A8" s="15" t="s">
        <v>17</v>
      </c>
      <c r="B8" s="18">
        <v>4470</v>
      </c>
      <c r="C8" s="19">
        <v>4420</v>
      </c>
      <c r="D8" s="20">
        <v>50</v>
      </c>
      <c r="E8" s="19">
        <v>860</v>
      </c>
      <c r="F8" s="21">
        <v>2270</v>
      </c>
      <c r="G8" s="21">
        <v>1080</v>
      </c>
      <c r="H8" s="21">
        <v>260</v>
      </c>
      <c r="I8" s="24" t="s">
        <v>23</v>
      </c>
    </row>
    <row r="9" spans="1:9" ht="21.95" customHeight="1">
      <c r="A9" s="15" t="s">
        <v>18</v>
      </c>
      <c r="B9" s="18">
        <v>3820</v>
      </c>
      <c r="C9" s="19">
        <v>3730</v>
      </c>
      <c r="D9" s="20">
        <v>90</v>
      </c>
      <c r="E9" s="19">
        <v>680</v>
      </c>
      <c r="F9" s="21">
        <v>2030</v>
      </c>
      <c r="G9" s="21">
        <v>700</v>
      </c>
      <c r="H9" s="21">
        <v>410</v>
      </c>
      <c r="I9" s="24">
        <v>10</v>
      </c>
    </row>
    <row r="10" spans="1:9" ht="21.95" customHeight="1">
      <c r="A10" s="15" t="s">
        <v>19</v>
      </c>
      <c r="B10" s="18">
        <v>3530</v>
      </c>
      <c r="C10" s="19">
        <v>3500</v>
      </c>
      <c r="D10" s="20">
        <v>30</v>
      </c>
      <c r="E10" s="19">
        <v>730</v>
      </c>
      <c r="F10" s="21">
        <v>2120</v>
      </c>
      <c r="G10" s="21">
        <v>560</v>
      </c>
      <c r="H10" s="21">
        <v>120</v>
      </c>
      <c r="I10" s="24">
        <v>10</v>
      </c>
    </row>
    <row r="11" spans="1:9" ht="21.95" customHeight="1">
      <c r="A11" s="15" t="s">
        <v>20</v>
      </c>
      <c r="B11" s="18">
        <v>3880</v>
      </c>
      <c r="C11" s="19">
        <v>3870</v>
      </c>
      <c r="D11" s="20">
        <v>20</v>
      </c>
      <c r="E11" s="19">
        <v>440</v>
      </c>
      <c r="F11" s="21">
        <v>1920</v>
      </c>
      <c r="G11" s="21">
        <v>1040</v>
      </c>
      <c r="H11" s="21">
        <v>490</v>
      </c>
      <c r="I11" s="24" t="s">
        <v>23</v>
      </c>
    </row>
    <row r="12" spans="1:9" ht="21.95" customHeight="1">
      <c r="A12" s="15" t="s">
        <v>21</v>
      </c>
      <c r="B12" s="18">
        <v>3410</v>
      </c>
      <c r="C12" s="19">
        <v>3390</v>
      </c>
      <c r="D12" s="25">
        <v>20</v>
      </c>
      <c r="E12" s="19">
        <v>580</v>
      </c>
      <c r="F12" s="21">
        <v>1920</v>
      </c>
      <c r="G12" s="21">
        <v>510</v>
      </c>
      <c r="H12" s="21">
        <v>400</v>
      </c>
      <c r="I12" s="24" t="s">
        <v>23</v>
      </c>
    </row>
    <row r="13" spans="1:9" ht="21.95" customHeight="1" thickBot="1">
      <c r="A13" s="16" t="s">
        <v>22</v>
      </c>
      <c r="B13" s="26">
        <v>1860</v>
      </c>
      <c r="C13" s="27">
        <v>1850</v>
      </c>
      <c r="D13" s="28">
        <v>10</v>
      </c>
      <c r="E13" s="27">
        <v>270</v>
      </c>
      <c r="F13" s="29">
        <v>940</v>
      </c>
      <c r="G13" s="29">
        <v>180</v>
      </c>
      <c r="H13" s="29">
        <v>470</v>
      </c>
      <c r="I13" s="30" t="s">
        <v>23</v>
      </c>
    </row>
    <row r="14" spans="1:9" ht="20.100000000000001" customHeight="1">
      <c r="A14" s="1" t="s">
        <v>4</v>
      </c>
    </row>
    <row r="15" spans="1:9" ht="20.100000000000001" customHeight="1">
      <c r="A15" s="1" t="s">
        <v>8</v>
      </c>
    </row>
    <row r="16" spans="1:9" ht="20.100000000000001" customHeight="1">
      <c r="A16" s="1" t="s">
        <v>5</v>
      </c>
    </row>
    <row r="17" spans="1:1" ht="20.100000000000001" customHeight="1">
      <c r="A17" s="1" t="s">
        <v>7</v>
      </c>
    </row>
    <row r="18" spans="1:1" ht="20.100000000000001" customHeight="1">
      <c r="A18" s="1" t="s">
        <v>6</v>
      </c>
    </row>
  </sheetData>
  <mergeCells count="4">
    <mergeCell ref="B2:B3"/>
    <mergeCell ref="C2:D2"/>
    <mergeCell ref="E2:I2"/>
    <mergeCell ref="A2:A3"/>
  </mergeCells>
  <phoneticPr fontId="2"/>
  <printOptions horizontalCentered="1"/>
  <pageMargins left="0.70866141732283472" right="0.70866141732283472" top="0.74803149606299213" bottom="0.74803149606299213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8-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0286</dc:creator>
  <cp:lastModifiedBy>Administrator</cp:lastModifiedBy>
  <cp:lastPrinted>2021-02-06T02:46:18Z</cp:lastPrinted>
  <dcterms:created xsi:type="dcterms:W3CDTF">2010-06-23T07:21:37Z</dcterms:created>
  <dcterms:modified xsi:type="dcterms:W3CDTF">2021-02-06T02:49:45Z</dcterms:modified>
</cp:coreProperties>
</file>